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10"/>
  </p:notesMasterIdLst>
  <p:sldIdLst>
    <p:sldId id="261" r:id="rId2"/>
    <p:sldId id="256" r:id="rId3"/>
    <p:sldId id="269" r:id="rId4"/>
    <p:sldId id="271" r:id="rId5"/>
    <p:sldId id="268" r:id="rId6"/>
    <p:sldId id="264" r:id="rId7"/>
    <p:sldId id="272" r:id="rId8"/>
    <p:sldId id="267" r:id="rId9"/>
  </p:sldIdLst>
  <p:sldSz cx="12192000" cy="6858000"/>
  <p:notesSz cx="6858000" cy="9144000"/>
  <p:embeddedFontLst>
    <p:embeddedFont>
      <p:font typeface="AU Passata" panose="020B0503030502030804" pitchFamily="34" charset="0"/>
      <p:regular r:id="rId11"/>
      <p:bold r:id="rId12"/>
    </p:embeddedFont>
    <p:embeddedFont>
      <p:font typeface="AU Passata Light" panose="020B0303030902030804" pitchFamily="34" charset="0"/>
      <p:regular r:id="rId13"/>
      <p:bold r:id="rId14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28282"/>
    <a:srgbClr val="4C4C4C"/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2" autoAdjust="0"/>
    <p:restoredTop sz="84944" autoAdjust="0"/>
  </p:normalViewPr>
  <p:slideViewPr>
    <p:cSldViewPr snapToGrid="0">
      <p:cViewPr varScale="1">
        <p:scale>
          <a:sx n="135" d="100"/>
          <a:sy n="135" d="100"/>
        </p:scale>
        <p:origin x="2988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4.fntdata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D229147-C018-40B0-93C1-74590B959CB0}" type="datetimeFigureOut">
              <a:rPr lang="da-DK" smtClean="0"/>
              <a:t>19-11-2024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1E48ABB-5AE7-4356-8D33-8037C96C8C7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552898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 sz="1200" dirty="0">
                <a:solidFill>
                  <a:schemeClr val="bg1"/>
                </a:solidFill>
              </a:rPr>
              <a:t>Remote Manipulation; Drag &amp; Drop in Spac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48ABB-5AE7-4356-8D33-8037C96C8C71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068152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584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0533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676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768039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NOV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achelor Projects Introduc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IKLAS ELMQVIS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57241653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11/2024</a:t>
            </a:fld>
            <a:r>
              <a:rPr lang="en-GB" dirty="0"/>
              <a:t>28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80005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07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2603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8193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4931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57605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9056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8254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41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1A12C-4F7B-4E02-9489-209D0F4B3340}" type="datetimeFigureOut">
              <a:rPr lang="en-US" smtClean="0"/>
              <a:t>11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772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0.jpeg"/><Relationship Id="rId18" Type="http://schemas.openxmlformats.org/officeDocument/2006/relationships/image" Target="../media/image15.png"/><Relationship Id="rId3" Type="http://schemas.microsoft.com/office/2007/relationships/hdphoto" Target="../media/hdphoto1.wdp"/><Relationship Id="rId21" Type="http://schemas.microsoft.com/office/2007/relationships/hdphoto" Target="../media/hdphoto7.wdp"/><Relationship Id="rId7" Type="http://schemas.microsoft.com/office/2007/relationships/hdphoto" Target="../media/hdphoto3.wdp"/><Relationship Id="rId12" Type="http://schemas.openxmlformats.org/officeDocument/2006/relationships/image" Target="../media/image9.emf"/><Relationship Id="rId17" Type="http://schemas.openxmlformats.org/officeDocument/2006/relationships/image" Target="../media/image14.png"/><Relationship Id="rId2" Type="http://schemas.openxmlformats.org/officeDocument/2006/relationships/image" Target="../media/image4.png"/><Relationship Id="rId16" Type="http://schemas.openxmlformats.org/officeDocument/2006/relationships/image" Target="../media/image13.jpeg"/><Relationship Id="rId20" Type="http://schemas.openxmlformats.org/officeDocument/2006/relationships/image" Target="../media/image16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microsoft.com/office/2007/relationships/hdphoto" Target="../media/hdphoto5.wdp"/><Relationship Id="rId5" Type="http://schemas.microsoft.com/office/2007/relationships/hdphoto" Target="../media/hdphoto2.wdp"/><Relationship Id="rId15" Type="http://schemas.openxmlformats.org/officeDocument/2006/relationships/image" Target="../media/image12.jpeg"/><Relationship Id="rId10" Type="http://schemas.openxmlformats.org/officeDocument/2006/relationships/image" Target="../media/image8.png"/><Relationship Id="rId19" Type="http://schemas.microsoft.com/office/2007/relationships/hdphoto" Target="../media/hdphoto6.wdp"/><Relationship Id="rId4" Type="http://schemas.openxmlformats.org/officeDocument/2006/relationships/image" Target="../media/image5.png"/><Relationship Id="rId9" Type="http://schemas.microsoft.com/office/2007/relationships/hdphoto" Target="../media/hdphoto4.wdp"/><Relationship Id="rId14" Type="http://schemas.openxmlformats.org/officeDocument/2006/relationships/image" Target="../media/image11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eg"/><Relationship Id="rId5" Type="http://schemas.openxmlformats.org/officeDocument/2006/relationships/image" Target="../media/image17.png"/><Relationship Id="rId4" Type="http://schemas.microsoft.com/office/2007/relationships/hdphoto" Target="../media/hdphoto6.wdp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4" Type="http://schemas.microsoft.com/office/2007/relationships/hdphoto" Target="../media/hdphoto7.wdp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microsoft.com/office/2007/relationships/hdphoto" Target="../media/hdphoto5.wdp"/><Relationship Id="rId7" Type="http://schemas.openxmlformats.org/officeDocument/2006/relationships/image" Target="../media/image23.emf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emf"/><Relationship Id="rId5" Type="http://schemas.openxmlformats.org/officeDocument/2006/relationships/image" Target="../media/image21.emf"/><Relationship Id="rId4" Type="http://schemas.openxmlformats.org/officeDocument/2006/relationships/image" Target="../media/image20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.xml"/><Relationship Id="rId4" Type="http://schemas.microsoft.com/office/2007/relationships/hdphoto" Target="../media/hdphoto4.wdp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S/IT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Ubiquitous Computing and Inte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Hans Gellersen - Aarhus Universitet">
            <a:extLst>
              <a:ext uri="{FF2B5EF4-FFF2-40B4-BE49-F238E27FC236}">
                <a16:creationId xmlns:a16="http://schemas.microsoft.com/office/drawing/2014/main" id="{1FF8BE14-3EC1-61C0-5726-1ECAE873863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3400" t="13391" r="11223" b="31200"/>
          <a:stretch/>
        </p:blipFill>
        <p:spPr bwMode="auto">
          <a:xfrm>
            <a:off x="3347864" y="2445244"/>
            <a:ext cx="1562785" cy="1436431"/>
          </a:xfrm>
          <a:prstGeom prst="rect">
            <a:avLst/>
          </a:prstGeom>
          <a:noFill/>
          <a:ln w="127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6" name="Group 15">
            <a:extLst>
              <a:ext uri="{FF2B5EF4-FFF2-40B4-BE49-F238E27FC236}">
                <a16:creationId xmlns:a16="http://schemas.microsoft.com/office/drawing/2014/main" id="{79669FA8-217F-46D9-9017-4BCD43BD032B}"/>
              </a:ext>
            </a:extLst>
          </p:cNvPr>
          <p:cNvGrpSpPr/>
          <p:nvPr/>
        </p:nvGrpSpPr>
        <p:grpSpPr>
          <a:xfrm>
            <a:off x="4091416" y="309364"/>
            <a:ext cx="1565356" cy="1423187"/>
            <a:chOff x="8024947" y="3433370"/>
            <a:chExt cx="1565356" cy="142318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7565B01-5BD4-44CB-80AB-CDA2C5FCCDCA}"/>
                </a:ext>
              </a:extLst>
            </p:cNvPr>
            <p:cNvSpPr/>
            <p:nvPr/>
          </p:nvSpPr>
          <p:spPr bwMode="auto">
            <a:xfrm>
              <a:off x="8024947" y="3433370"/>
              <a:ext cx="1565356" cy="1423187"/>
            </a:xfrm>
            <a:prstGeom prst="rect">
              <a:avLst/>
            </a:prstGeom>
            <a:gradFill>
              <a:gsLst>
                <a:gs pos="0">
                  <a:srgbClr val="F2EEE5"/>
                </a:gs>
                <a:gs pos="58000">
                  <a:srgbClr val="FCF6F0"/>
                </a:gs>
                <a:gs pos="100000">
                  <a:srgbClr val="EBE6DE"/>
                </a:gs>
              </a:gsLst>
              <a:lin ang="5400000" scaled="1"/>
            </a:gra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8" name="Picture 2" descr="http://pure.au.dk/ws/files/40650135/KG_AI_Full_color.jpg">
              <a:extLst>
                <a:ext uri="{FF2B5EF4-FFF2-40B4-BE49-F238E27FC236}">
                  <a16:creationId xmlns:a16="http://schemas.microsoft.com/office/drawing/2014/main" id="{EFB7B679-4BFA-4036-A4C2-2A55CE9C515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8219361" y="3433370"/>
              <a:ext cx="1370942" cy="14231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9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8F6696AE-CE41-47D4-B2CF-9D5E186CA5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6258859" y="309363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E541C66B-28D5-429B-A628-2393C07DBA70}"/>
              </a:ext>
            </a:extLst>
          </p:cNvPr>
          <p:cNvGrpSpPr/>
          <p:nvPr/>
        </p:nvGrpSpPr>
        <p:grpSpPr>
          <a:xfrm>
            <a:off x="7169345" y="2433168"/>
            <a:ext cx="1565356" cy="1423187"/>
            <a:chOff x="2568432" y="3440060"/>
            <a:chExt cx="1565356" cy="1423187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B2818C1-71E8-468C-BD2D-70413469F97F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2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916DB6D9-8815-485E-A07C-DECFD9ECB0B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 cstate="print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4" name="Picture 2" descr="http://pure.au.dk/ws/files/127222107/portrait.png">
            <a:extLst>
              <a:ext uri="{FF2B5EF4-FFF2-40B4-BE49-F238E27FC236}">
                <a16:creationId xmlns:a16="http://schemas.microsoft.com/office/drawing/2014/main" id="{2E5B7E96-E5D7-46A6-85B0-1089F73463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 cstate="print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70993" y="4558016"/>
            <a:ext cx="1663086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4014503" y="1671296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AJ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781471" y="1671295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MARIANNE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3285172" y="3815837"/>
            <a:ext cx="1663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6605526" y="382863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ELS OLOF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5753262" y="596037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-JÖRG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78221613-5DBE-49FB-8CE0-E66C21D2F53B}"/>
              </a:ext>
            </a:extLst>
          </p:cNvPr>
          <p:cNvPicPr>
            <a:picLocks noChangeAspect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9206780" y="334077"/>
            <a:ext cx="2685115" cy="1885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26" name="Picture 2" descr="How To Start Your Own Career In Virtual Reality | ARPost"/>
          <p:cNvPicPr>
            <a:picLocks noChangeAspect="1" noChangeArrowheads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00539" y="4548166"/>
            <a:ext cx="2729670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mart-home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2450294"/>
            <a:ext cx="2727568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4 Ways Wearables Are Changing the Future of Healthcare | Product  Engineering Blog | eInfochips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6996" y="350553"/>
            <a:ext cx="2674313" cy="190223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n industrial robot arm safely welds an automobile in an automated factory.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8853" y="2450294"/>
            <a:ext cx="2679048" cy="18956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Comparing Data Visualization Software: Here Are The 7 Best Tools"/>
          <p:cNvPicPr>
            <a:picLocks noChangeAspect="1" noChangeArrowheads="1"/>
          </p:cNvPicPr>
          <p:nvPr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4576998"/>
            <a:ext cx="2689375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28C6AC4C-6C6F-44CD-874B-371AF58675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8">
            <a:extLst>
              <a:ext uri="{BEBA8EAE-BF5A-486C-A8C5-ECC9F3942E4B}">
                <a14:imgProps xmlns:a14="http://schemas.microsoft.com/office/drawing/2010/main">
                  <a14:imgLayer r:embed="rId1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269228" y="2445245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3A920FB-5589-4CF2-AF07-A3C2D803968C}"/>
              </a:ext>
            </a:extLst>
          </p:cNvPr>
          <p:cNvSpPr txBox="1"/>
          <p:nvPr/>
        </p:nvSpPr>
        <p:spPr>
          <a:xfrm>
            <a:off x="5105842" y="3857457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E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3E966BE-32FA-AFE2-31BA-8A4EB0BBF6EA}"/>
              </a:ext>
            </a:extLst>
          </p:cNvPr>
          <p:cNvSpPr txBox="1"/>
          <p:nvPr/>
        </p:nvSpPr>
        <p:spPr>
          <a:xfrm>
            <a:off x="3527792" y="5947577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KLAS</a:t>
            </a:r>
          </a:p>
        </p:txBody>
      </p:sp>
      <p:pic>
        <p:nvPicPr>
          <p:cNvPr id="7" name="Picture 6" descr="A person wearing glasses and a sweater&#10;&#10;Description automatically generated">
            <a:extLst>
              <a:ext uri="{FF2B5EF4-FFF2-40B4-BE49-F238E27FC236}">
                <a16:creationId xmlns:a16="http://schemas.microsoft.com/office/drawing/2014/main" id="{53640C0C-BBCD-3654-9E7E-285F56EBC518}"/>
              </a:ext>
            </a:extLst>
          </p:cNvPr>
          <p:cNvPicPr>
            <a:picLocks noChangeAspect="1"/>
          </p:cNvPicPr>
          <p:nvPr/>
        </p:nvPicPr>
        <p:blipFill>
          <a:blip r:embed="rId20" cstate="print">
            <a:extLst>
              <a:ext uri="{BEBA8EAE-BF5A-486C-A8C5-ECC9F3942E4B}">
                <a14:imgProps xmlns:a14="http://schemas.microsoft.com/office/drawing/2010/main">
                  <a14:imgLayer r:embed="rId21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2587" y="4540374"/>
            <a:ext cx="1433610" cy="1480919"/>
          </a:xfrm>
          <a:prstGeom prst="rect">
            <a:avLst/>
          </a:prstGeom>
          <a:ln w="12700"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29665284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7694" y="119859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B] Exploring Layers of Mixed Reali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585857" y="1698163"/>
            <a:ext cx="5331023" cy="4476878"/>
          </a:xfrm>
        </p:spPr>
        <p:txBody>
          <a:bodyPr>
            <a:normAutofit/>
          </a:bodyPr>
          <a:lstStyle/>
          <a:p>
            <a:r>
              <a:rPr lang="en-US" sz="3300" dirty="0">
                <a:solidFill>
                  <a:schemeClr val="bg1"/>
                </a:solidFill>
              </a:rPr>
              <a:t>How to mix virtual content and real screens?</a:t>
            </a:r>
          </a:p>
          <a:p>
            <a:endParaRPr lang="en-US" sz="400" dirty="0">
              <a:solidFill>
                <a:schemeClr val="bg1"/>
              </a:solidFill>
            </a:endParaRPr>
          </a:p>
          <a:p>
            <a:r>
              <a:rPr lang="en-US" sz="3300" dirty="0">
                <a:solidFill>
                  <a:schemeClr val="bg1"/>
                </a:solidFill>
              </a:rPr>
              <a:t>How to interact consistently with mixed content in MR?</a:t>
            </a:r>
          </a:p>
          <a:p>
            <a:endParaRPr lang="en-US" sz="400" dirty="0">
              <a:solidFill>
                <a:schemeClr val="bg1"/>
              </a:solidFill>
            </a:endParaRPr>
          </a:p>
          <a:p>
            <a:r>
              <a:rPr lang="en-US" sz="3300" dirty="0">
                <a:solidFill>
                  <a:schemeClr val="bg1"/>
                </a:solidFill>
              </a:rPr>
              <a:t>How to use gaze tracking across different layers</a:t>
            </a:r>
            <a:br>
              <a:rPr lang="en-US" sz="3300" dirty="0">
                <a:solidFill>
                  <a:schemeClr val="bg1"/>
                </a:solidFill>
              </a:rPr>
            </a:br>
            <a:r>
              <a:rPr lang="en-US" sz="3300" dirty="0">
                <a:solidFill>
                  <a:schemeClr val="bg1"/>
                </a:solidFill>
              </a:rPr>
              <a:t>of reality?</a:t>
            </a:r>
          </a:p>
        </p:txBody>
      </p:sp>
      <p:pic>
        <p:nvPicPr>
          <p:cNvPr id="17" name="Picture 2" descr="Se kildebilledet">
            <a:extLst>
              <a:ext uri="{FF2B5EF4-FFF2-40B4-BE49-F238E27FC236}">
                <a16:creationId xmlns:a16="http://schemas.microsoft.com/office/drawing/2014/main" id="{99C14036-C58D-4C0B-B66E-181F4746E47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581674" y="5265661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A screen with a screen on it&#10;&#10;Description automatically generated with medium confidence">
            <a:extLst>
              <a:ext uri="{FF2B5EF4-FFF2-40B4-BE49-F238E27FC236}">
                <a16:creationId xmlns:a16="http://schemas.microsoft.com/office/drawing/2014/main" id="{AC238133-A99F-9E58-727E-B8EC9A545DE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3977" y="1806611"/>
            <a:ext cx="2358755" cy="3781010"/>
          </a:xfrm>
          <a:prstGeom prst="rect">
            <a:avLst/>
          </a:prstGeom>
          <a:noFill/>
          <a:ln>
            <a:noFill/>
          </a:ln>
        </p:spPr>
      </p:pic>
      <p:pic>
        <p:nvPicPr>
          <p:cNvPr id="5" name="Picture 4" descr="A hand holding a cell phone&#10;&#10;Description automatically generated">
            <a:extLst>
              <a:ext uri="{FF2B5EF4-FFF2-40B4-BE49-F238E27FC236}">
                <a16:creationId xmlns:a16="http://schemas.microsoft.com/office/drawing/2014/main" id="{A901CF7E-05F8-ED02-DA27-E95D408B85E9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3821" y="1806611"/>
            <a:ext cx="3386470" cy="378101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4064103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7952" y="365125"/>
            <a:ext cx="11121657" cy="1325563"/>
          </a:xfrm>
        </p:spPr>
        <p:txBody>
          <a:bodyPr>
            <a:normAutofit/>
          </a:bodyPr>
          <a:lstStyle/>
          <a:p>
            <a:r>
              <a:rPr lang="en-US" sz="4300" dirty="0">
                <a:solidFill>
                  <a:schemeClr val="bg1"/>
                </a:solidFill>
              </a:rPr>
              <a:t>[UBI-C] Gestures, Speech, and Touch for Visualization Dashboards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0828AF96-F806-E1CB-2D4C-23107AD29F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49342" y="2459921"/>
            <a:ext cx="5772163" cy="3861500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Can we make use of different input modalities to provide a richer interactive dashboard experience?</a:t>
            </a:r>
            <a:endParaRPr lang="en-US" sz="1800" dirty="0">
              <a:solidFill>
                <a:schemeClr val="bg1"/>
              </a:solidFill>
            </a:endParaRPr>
          </a:p>
        </p:txBody>
      </p:sp>
      <p:pic>
        <p:nvPicPr>
          <p:cNvPr id="6" name="Picture 5" descr="A person touching a large screen&#10;&#10;Description automatically generated">
            <a:extLst>
              <a:ext uri="{FF2B5EF4-FFF2-40B4-BE49-F238E27FC236}">
                <a16:creationId xmlns:a16="http://schemas.microsoft.com/office/drawing/2014/main" id="{51EBF7CD-84F5-7858-D7D7-BFB3D68F9A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4563" y="2459921"/>
            <a:ext cx="4930671" cy="2819649"/>
          </a:xfrm>
          <a:prstGeom prst="rect">
            <a:avLst/>
          </a:prstGeom>
          <a:noFill/>
          <a:ln>
            <a:noFill/>
          </a:ln>
        </p:spPr>
      </p:pic>
      <p:pic>
        <p:nvPicPr>
          <p:cNvPr id="4" name="Picture 3" descr="A person wearing glasses and a sweater&#10;&#10;Description automatically generated">
            <a:extLst>
              <a:ext uri="{FF2B5EF4-FFF2-40B4-BE49-F238E27FC236}">
                <a16:creationId xmlns:a16="http://schemas.microsoft.com/office/drawing/2014/main" id="{1798EF33-AAD2-C89B-DB04-23D24B8EA44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7895" y="5177683"/>
            <a:ext cx="1433610" cy="1480919"/>
          </a:xfrm>
          <a:prstGeom prst="rect">
            <a:avLst/>
          </a:prstGeom>
          <a:ln w="12700"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31079459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5502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E] Progressive Visualization Techniques </a:t>
            </a: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D982A527-8FD1-77C9-9208-EE850CE01BFF}"/>
              </a:ext>
            </a:extLst>
          </p:cNvPr>
          <p:cNvGrpSpPr/>
          <p:nvPr/>
        </p:nvGrpSpPr>
        <p:grpSpPr>
          <a:xfrm>
            <a:off x="535121" y="4214169"/>
            <a:ext cx="8829045" cy="1952046"/>
            <a:chOff x="1311298" y="4736612"/>
            <a:chExt cx="8829045" cy="1952046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0DDC6E0-FB14-943B-9F72-D40B193DFDD5}"/>
                </a:ext>
              </a:extLst>
            </p:cNvPr>
            <p:cNvSpPr/>
            <p:nvPr/>
          </p:nvSpPr>
          <p:spPr>
            <a:xfrm>
              <a:off x="1531088" y="4747437"/>
              <a:ext cx="7719238" cy="192190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0C739322-8522-8E56-F63E-4E40F0963DB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1407514" y="4651222"/>
              <a:ext cx="1941220" cy="213365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270755B-A623-3FD9-B007-0F0F298D768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3661822" y="4651028"/>
              <a:ext cx="1941219" cy="213365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775B10E3-AD67-8CB4-A389-70A1512EF13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5894348" y="4639039"/>
              <a:ext cx="1932730" cy="2127875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AAB37B48-76C5-4975-1A6F-8DD93B563AE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8111748" y="4640747"/>
              <a:ext cx="1929317" cy="2127873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2050" name="Picture 2" descr="Progressive JPEG loading">
            <a:extLst>
              <a:ext uri="{FF2B5EF4-FFF2-40B4-BE49-F238E27FC236}">
                <a16:creationId xmlns:a16="http://schemas.microsoft.com/office/drawing/2014/main" id="{4E0D38B3-E89B-1D62-DD7D-FB342BB36D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367"/>
          <a:stretch/>
        </p:blipFill>
        <p:spPr bwMode="auto">
          <a:xfrm>
            <a:off x="513855" y="1329781"/>
            <a:ext cx="8808734" cy="26333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75F23A4-0EFC-3C16-5483-DEB9D96B98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410408" y="2961879"/>
            <a:ext cx="3200090" cy="395905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Progressive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JPEG</a:t>
            </a:r>
          </a:p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Progressive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Visualization</a:t>
            </a:r>
          </a:p>
        </p:txBody>
      </p:sp>
    </p:spTree>
    <p:extLst>
      <p:ext uri="{BB962C8B-B14F-4D97-AF65-F5344CB8AC3E}">
        <p14:creationId xmlns:p14="http://schemas.microsoft.com/office/powerpoint/2010/main" val="120854999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G] Seamless Music Stream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050276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Transi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oom to Room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hone to Stereo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laylist A to Playlist B</a:t>
            </a:r>
          </a:p>
          <a:p>
            <a:r>
              <a:rPr lang="en-US" sz="3600" dirty="0">
                <a:solidFill>
                  <a:schemeClr val="bg1"/>
                </a:solidFill>
              </a:rPr>
              <a:t>Sensors for spatial, temporal, and social context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667B235-471D-41E6-957C-0D67803C35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128409" y="1900786"/>
            <a:ext cx="4867342" cy="37704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64A52878-9259-4BB6-BFE5-DD1BB2AB1CE7}"/>
              </a:ext>
            </a:extLst>
          </p:cNvPr>
          <p:cNvGrpSpPr/>
          <p:nvPr/>
        </p:nvGrpSpPr>
        <p:grpSpPr>
          <a:xfrm>
            <a:off x="10487615" y="5280992"/>
            <a:ext cx="1565356" cy="1423187"/>
            <a:chOff x="2568432" y="3440060"/>
            <a:chExt cx="1565356" cy="142318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3F1F4C2-6F62-4808-B550-62A8027A7399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0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6F499AC7-8EC7-45EE-A885-0AEFFC2192E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913662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CBF90928-E50F-B340-43DB-F4DF60CF65A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03CEE7-73A4-54FC-6071-98893BD040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I] Expanding the Interaction with LLM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F70C16-50C4-612A-7001-BE76C0B3CF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596743" y="1806475"/>
            <a:ext cx="4979172" cy="4686399"/>
          </a:xfrm>
        </p:spPr>
        <p:txBody>
          <a:bodyPr>
            <a:normAutofit fontScale="92500" lnSpcReduction="10000"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Design novel interaction patterns for LLMs (ChatGPT)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Graphical user interface design for LLM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eal-time integration with LLM API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Implementation of interactive prototype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User testing and evaluation</a:t>
            </a:r>
          </a:p>
        </p:txBody>
      </p:sp>
      <p:pic>
        <p:nvPicPr>
          <p:cNvPr id="4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C9493875-868F-B12F-3063-49C2D13E197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10471097" y="5251477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CC7F753A-4320-4EDD-C596-EFACDC0208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085" y="1973350"/>
            <a:ext cx="5715000" cy="381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692864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UBI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10253405" cy="1746085"/>
          </a:xfrm>
        </p:spPr>
        <p:txBody>
          <a:bodyPr>
            <a:normAutofit/>
          </a:bodyPr>
          <a:lstStyle/>
          <a:p>
            <a:r>
              <a:rPr lang="en-US" sz="3200" dirty="0"/>
              <a:t>If you want to know more come to the information meeting right after or drop an email to the respective project contact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66512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774</TotalTime>
  <Words>194</Words>
  <Application>Microsoft Office PowerPoint</Application>
  <PresentationFormat>Widescreen</PresentationFormat>
  <Paragraphs>36</Paragraphs>
  <Slides>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AU Passata</vt:lpstr>
      <vt:lpstr>AU Passata Light</vt:lpstr>
      <vt:lpstr>Calibri Light</vt:lpstr>
      <vt:lpstr>Arial</vt:lpstr>
      <vt:lpstr>Calibri</vt:lpstr>
      <vt:lpstr>Office Theme</vt:lpstr>
      <vt:lpstr>CS/IT BSc Projects</vt:lpstr>
      <vt:lpstr>PowerPoint Presentation</vt:lpstr>
      <vt:lpstr>[UBI-B] Exploring Layers of Mixed Reality</vt:lpstr>
      <vt:lpstr>[UBI-C] Gestures, Speech, and Touch for Visualization Dashboards</vt:lpstr>
      <vt:lpstr>[UBI-E] Progressive Visualization Techniques </vt:lpstr>
      <vt:lpstr>[UBI-G] Seamless Music Streaming</vt:lpstr>
      <vt:lpstr>[UBI-I] Expanding the Interaction with LLMs</vt:lpstr>
      <vt:lpstr>UBI BSc Projec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ans-Jörg Schulz</dc:creator>
  <cp:lastModifiedBy>Niklas Elmqvist</cp:lastModifiedBy>
  <cp:revision>63</cp:revision>
  <dcterms:created xsi:type="dcterms:W3CDTF">2019-11-07T06:33:23Z</dcterms:created>
  <dcterms:modified xsi:type="dcterms:W3CDTF">2024-11-19T13:15:59Z</dcterms:modified>
</cp:coreProperties>
</file>